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56" r:id="rId2"/>
    <p:sldId id="277" r:id="rId3"/>
    <p:sldId id="278" r:id="rId4"/>
    <p:sldId id="279" r:id="rId5"/>
    <p:sldId id="280" r:id="rId6"/>
    <p:sldId id="259" r:id="rId7"/>
    <p:sldId id="261" r:id="rId8"/>
    <p:sldId id="262" r:id="rId9"/>
    <p:sldId id="263" r:id="rId10"/>
    <p:sldId id="265" r:id="rId11"/>
    <p:sldId id="266" r:id="rId12"/>
    <p:sldId id="267" r:id="rId13"/>
    <p:sldId id="268" r:id="rId14"/>
    <p:sldId id="269" r:id="rId15"/>
    <p:sldId id="270" r:id="rId16"/>
    <p:sldId id="271" r:id="rId17"/>
    <p:sldId id="273" r:id="rId18"/>
    <p:sldId id="274" r:id="rId19"/>
    <p:sldId id="275" r:id="rId20"/>
    <p:sldId id="276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3797" autoAdjust="0"/>
  </p:normalViewPr>
  <p:slideViewPr>
    <p:cSldViewPr snapToGrid="0" showGuides="1">
      <p:cViewPr varScale="1">
        <p:scale>
          <a:sx n="122" d="100"/>
          <a:sy n="122" d="100"/>
        </p:scale>
        <p:origin x="96" y="3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1/02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1/02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340430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70203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0133449-1A61-4EE4-B6D8-F268938E45D9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DD7F8E9-44EB-41CD-BCA9-5A57CDB0DDF0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871FB0-FB7D-443C-91B4-C5C82EA06475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D5F20CE-CA1A-4EBB-B38A-4A06A6B883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3" name="STIL logo">
            <a:extLst>
              <a:ext uri="{FF2B5EF4-FFF2-40B4-BE49-F238E27FC236}">
                <a16:creationId xmlns:a16="http://schemas.microsoft.com/office/drawing/2014/main" id="{4F851387-4186-454B-996B-50B50EBE33F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0442"/>
            <a:ext cx="1848901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1418BE-2880-4B0E-BC59-6626C3A37CA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3C73AAFA-9480-4BE9-97C4-90317BFCA56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6E13D8-6F06-44E7-9EC5-92B072B68F8B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955D72E6-A80E-4078-A083-B2BDD5C005D0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9F1A00-39BC-45ED-A3D4-0256F93DB611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1481AAA-8CB0-414D-B7BB-E4944B12CAD1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317EE40-D557-47F3-A03A-BC2EF29FED61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43AB21-7918-42B8-87D5-F74B91EFCD3F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A82EA3-DA72-4AEA-9848-4840820B7895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CFA5DC7A-B113-494E-B688-7361824D55A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56970-692A-403A-9682-C8E381E5CE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15632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26DE1F8-AB7B-4CAC-B4EF-8CF3AE85CCC7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0DE2D379-FE04-4D68-815F-0C073D1F0A77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38DED09-D0F5-467E-ABE9-2AA2B2C0D0CD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082ED46F-D4EB-4FEC-A3E7-11E0FA37779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04CD5B1-A300-4A37-91B0-1031CA481FCD}" type="datetime2">
              <a:rPr lang="da-DK" smtClean="0"/>
              <a:t>21. februar 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947CF5-3E31-46C8-BAE5-6503B0FAD5C1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  <p:pic>
        <p:nvPicPr>
          <p:cNvPr id="13" name="STIL logo">
            <a:extLst>
              <a:ext uri="{FF2B5EF4-FFF2-40B4-BE49-F238E27FC236}">
                <a16:creationId xmlns:a16="http://schemas.microsoft.com/office/drawing/2014/main" id="{A75D394A-04C6-4C3C-BBF0-A497B93087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0442"/>
            <a:ext cx="1848901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AE44069-D173-43BC-9E8B-A6E005BCA149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53CD77B-A492-48C9-969A-913EAA1FA6A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15618973-134A-44CA-BF52-33A344B4B42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620847D-2940-44AB-9044-AB962050DBC3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431DB588-95DB-4901-AB99-76F206B7E6AB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726798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F596E327-DAEB-43E9-99F4-183FC01F70E5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9" name="STIL logo">
            <a:extLst>
              <a:ext uri="{FF2B5EF4-FFF2-40B4-BE49-F238E27FC236}">
                <a16:creationId xmlns:a16="http://schemas.microsoft.com/office/drawing/2014/main" id="{8B849FC9-42D4-4B8C-BABD-53794C600102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0442"/>
            <a:ext cx="1848901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4" Type="http://schemas.openxmlformats.org/officeDocument/2006/relationships/hyperlink" Target="https://www.optagelse.dk/" TargetMode="Externa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0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0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2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0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20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0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0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0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14.xml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484400" y="1616106"/>
            <a:ext cx="9223200" cy="1378800"/>
          </a:xfrm>
        </p:spPr>
        <p:txBody>
          <a:bodyPr/>
          <a:lstStyle/>
          <a:p>
            <a:r>
              <a:rPr lang="da-DK" dirty="0"/>
              <a:t>Guide to Optagelse.dk</a:t>
            </a:r>
            <a:br>
              <a:rPr lang="da-DK" dirty="0"/>
            </a:br>
            <a:br>
              <a:rPr lang="da-DK" dirty="0"/>
            </a:br>
            <a:r>
              <a:rPr lang="da-DK" dirty="0"/>
              <a:t>- </a:t>
            </a:r>
            <a:r>
              <a:rPr lang="da-DK" dirty="0">
                <a:hlinkClick r:id="rId4"/>
              </a:rPr>
              <a:t>https://www.optagelse.dk/</a:t>
            </a:r>
            <a:r>
              <a:rPr lang="da-DK" dirty="0"/>
              <a:t>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7853B-2086-477B-B0FF-973B069AAE45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3960" y="0"/>
            <a:ext cx="9239367" cy="6879047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078C15AD-048B-32BE-8FB6-3C04306B9FFC}"/>
              </a:ext>
            </a:extLst>
          </p:cNvPr>
          <p:cNvSpPr txBox="1"/>
          <p:nvPr/>
        </p:nvSpPr>
        <p:spPr>
          <a:xfrm>
            <a:off x="6626368" y="2071272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upload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ates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por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card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EF229CFB-ACE1-0B70-51B8-7B18B094234E}"/>
              </a:ext>
            </a:extLst>
          </p:cNvPr>
          <p:cNvCxnSpPr/>
          <p:nvPr/>
        </p:nvCxnSpPr>
        <p:spPr>
          <a:xfrm flipH="1">
            <a:off x="5287108" y="2254479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7" name="Tekstfelt 6">
            <a:extLst>
              <a:ext uri="{FF2B5EF4-FFF2-40B4-BE49-F238E27FC236}">
                <a16:creationId xmlns:a16="http://schemas.microsoft.com/office/drawing/2014/main" id="{20E88319-98FC-6948-A7F7-24EEF2AD6E46}"/>
              </a:ext>
            </a:extLst>
          </p:cNvPr>
          <p:cNvSpPr txBox="1"/>
          <p:nvPr/>
        </p:nvSpPr>
        <p:spPr>
          <a:xfrm>
            <a:off x="6004328" y="3274102"/>
            <a:ext cx="2794440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he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”Næste” (”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ex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”)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th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follow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pages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EAD7ABFB-F0BB-5213-4740-AE8B65A699B4}"/>
              </a:ext>
            </a:extLst>
          </p:cNvPr>
          <p:cNvCxnSpPr/>
          <p:nvPr/>
        </p:nvCxnSpPr>
        <p:spPr>
          <a:xfrm flipH="1">
            <a:off x="5092799" y="3517222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374817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1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51560" y="188381"/>
            <a:ext cx="9640365" cy="6262819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57CF11C0-9E35-7F0B-40C9-D4FAD0E7F3ED}"/>
              </a:ext>
            </a:extLst>
          </p:cNvPr>
          <p:cNvSpPr txBox="1"/>
          <p:nvPr/>
        </p:nvSpPr>
        <p:spPr>
          <a:xfrm>
            <a:off x="5665315" y="1875329"/>
            <a:ext cx="2242039" cy="2585323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upload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dditional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ocuments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.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a letter o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commend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or studieportefølj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 stx, htx etc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NB!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must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upload a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ign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arent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onsent</a:t>
            </a:r>
            <a:endParaRPr lang="da-DK" sz="1400" b="1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  form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ogg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in with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a sms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od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e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slide 4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68815AD3-AE05-EFBC-A1C3-3EBAA1E19984}"/>
              </a:ext>
            </a:extLst>
          </p:cNvPr>
          <p:cNvCxnSpPr/>
          <p:nvPr/>
        </p:nvCxnSpPr>
        <p:spPr>
          <a:xfrm flipH="1">
            <a:off x="4699279" y="2207826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6886916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2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17200" y="349236"/>
            <a:ext cx="9241329" cy="6101964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57CE157B-5EAA-946E-AECC-A66D20E0E8F0}"/>
              </a:ext>
            </a:extLst>
          </p:cNvPr>
          <p:cNvSpPr txBox="1"/>
          <p:nvPr/>
        </p:nvSpPr>
        <p:spPr>
          <a:xfrm>
            <a:off x="5611264" y="2491149"/>
            <a:ext cx="2242039" cy="1077218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”Ja” (”Yes”)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boarding school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0512AE33-1BC1-7434-AF91-F4550317F7BC}"/>
              </a:ext>
            </a:extLst>
          </p:cNvPr>
          <p:cNvCxnSpPr/>
          <p:nvPr/>
        </p:nvCxnSpPr>
        <p:spPr>
          <a:xfrm flipH="1">
            <a:off x="4270071" y="2963605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054530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3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18359" y="234191"/>
            <a:ext cx="8018341" cy="6397009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60A95EA2-48FA-FFC6-E32F-61EEDD7CD81C}"/>
              </a:ext>
            </a:extLst>
          </p:cNvPr>
          <p:cNvSpPr txBox="1"/>
          <p:nvPr/>
        </p:nvSpPr>
        <p:spPr>
          <a:xfrm>
            <a:off x="6794319" y="3498856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boarding school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4B491B32-E4AA-68A7-10DE-1CBB734E40CA}"/>
              </a:ext>
            </a:extLst>
          </p:cNvPr>
          <p:cNvCxnSpPr/>
          <p:nvPr/>
        </p:nvCxnSpPr>
        <p:spPr>
          <a:xfrm flipH="1">
            <a:off x="5691554" y="4064617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4721498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4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70663" y="243840"/>
            <a:ext cx="7249538" cy="6046080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DA9AE597-F41A-BB1C-DA25-804088DD0111}"/>
              </a:ext>
            </a:extLst>
          </p:cNvPr>
          <p:cNvSpPr txBox="1"/>
          <p:nvPr/>
        </p:nvSpPr>
        <p:spPr>
          <a:xfrm>
            <a:off x="7223528" y="3712621"/>
            <a:ext cx="2242039" cy="1077218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Upload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oo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boarding or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cceptanc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at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boarding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C8851874-583E-3984-F0F9-BAC1A4997FE6}"/>
              </a:ext>
            </a:extLst>
          </p:cNvPr>
          <p:cNvCxnSpPr/>
          <p:nvPr/>
        </p:nvCxnSpPr>
        <p:spPr>
          <a:xfrm flipH="1">
            <a:off x="5940251" y="4251230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6531255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5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38376" y="254141"/>
            <a:ext cx="7210424" cy="6377059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C8FE70E1-0213-6BAF-6F02-9FC73048097F}"/>
              </a:ext>
            </a:extLst>
          </p:cNvPr>
          <p:cNvSpPr txBox="1"/>
          <p:nvPr/>
        </p:nvSpPr>
        <p:spPr>
          <a:xfrm>
            <a:off x="6217716" y="5262341"/>
            <a:ext cx="2422431" cy="1508105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”Ja” (”Yes”)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is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a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lac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at th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a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school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ve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houg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o not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get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ccept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nto</a:t>
            </a:r>
            <a:r>
              <a:rPr lang="da-DK" sz="1400">
                <a:latin typeface="Calibri Light" panose="020F0302020204030204" pitchFamily="34" charset="0"/>
                <a:cs typeface="Calibri Light" panose="020F0302020204030204" pitchFamily="34" charset="0"/>
              </a:rPr>
              <a:t> the 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boarding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school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46F3C547-92DB-1D7F-C07B-6DCF0B4F18EB}"/>
              </a:ext>
            </a:extLst>
          </p:cNvPr>
          <p:cNvCxnSpPr/>
          <p:nvPr/>
        </p:nvCxnSpPr>
        <p:spPr>
          <a:xfrm flipH="1">
            <a:off x="5175141" y="5725467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7640579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85772" y="304799"/>
            <a:ext cx="9810738" cy="6326401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0C439D87-133B-6085-003D-524DED4B69D7}"/>
              </a:ext>
            </a:extLst>
          </p:cNvPr>
          <p:cNvSpPr txBox="1"/>
          <p:nvPr/>
        </p:nvSpPr>
        <p:spPr>
          <a:xfrm>
            <a:off x="5861258" y="2743076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”Ja” (”Yes”)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have special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eeds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3AFF97B3-B84C-1E4A-CBC2-E9480CBCF1DA}"/>
              </a:ext>
            </a:extLst>
          </p:cNvPr>
          <p:cNvCxnSpPr/>
          <p:nvPr/>
        </p:nvCxnSpPr>
        <p:spPr>
          <a:xfrm flipH="1">
            <a:off x="4904553" y="3271516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92304182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7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5263" y="207124"/>
            <a:ext cx="8948075" cy="6424076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92FA6194-9027-7FDC-B634-4B54A8C64266}"/>
              </a:ext>
            </a:extLst>
          </p:cNvPr>
          <p:cNvSpPr txBox="1"/>
          <p:nvPr/>
        </p:nvSpPr>
        <p:spPr>
          <a:xfrm>
            <a:off x="7176874" y="2201901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enter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ersonal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data (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a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etc.)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3A111BE5-80AF-02B8-808F-4A10595B92D3}"/>
              </a:ext>
            </a:extLst>
          </p:cNvPr>
          <p:cNvCxnSpPr/>
          <p:nvPr/>
        </p:nvCxnSpPr>
        <p:spPr>
          <a:xfrm flipH="1">
            <a:off x="6096000" y="2571720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8716390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8</a:t>
            </a:fld>
            <a:endParaRPr lang="da-DK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82253" y="-250371"/>
            <a:ext cx="5708046" cy="8669438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BE998332-99EF-49C2-D734-E49729CF8D8E}"/>
              </a:ext>
            </a:extLst>
          </p:cNvPr>
          <p:cNvSpPr txBox="1"/>
          <p:nvPr/>
        </p:nvSpPr>
        <p:spPr>
          <a:xfrm>
            <a:off x="7746042" y="4084348"/>
            <a:ext cx="3310734" cy="1938992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 ”Rediger” (”Edit”)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enter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ersonal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ata (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a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etc.):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- ”Navn” =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ame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- ”Fødselsår” =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irt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ate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- ”Bopælsland” = Country o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sidence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- ”Mail” = e-mail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ddress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- ”Telefon” = Telephon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umbe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17700EF8-FFD4-A92C-0F2B-E798576D1A1A}"/>
              </a:ext>
            </a:extLst>
          </p:cNvPr>
          <p:cNvCxnSpPr/>
          <p:nvPr/>
        </p:nvCxnSpPr>
        <p:spPr>
          <a:xfrm flipH="1">
            <a:off x="6854651" y="5697475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7388686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9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28680" y="160644"/>
            <a:ext cx="9393600" cy="6697356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A9B5D1D6-E8C4-A089-A607-B018B8D23FF0}"/>
              </a:ext>
            </a:extLst>
          </p:cNvPr>
          <p:cNvSpPr txBox="1"/>
          <p:nvPr/>
        </p:nvSpPr>
        <p:spPr>
          <a:xfrm>
            <a:off x="4804460" y="3778774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enter 2nd and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3rd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iorit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schools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D8E22573-421F-65B3-F36F-4BBBC618B3E2}"/>
              </a:ext>
            </a:extLst>
          </p:cNvPr>
          <p:cNvCxnSpPr/>
          <p:nvPr/>
        </p:nvCxnSpPr>
        <p:spPr>
          <a:xfrm flipH="1">
            <a:off x="3756887" y="3933990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6038330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288C7422-977C-1F32-D709-732AB9AFFB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56970-692A-403A-9682-C8E381E5CE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2BC819F-ADA1-4D21-0BEF-E270B5ACB9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D5D8AE2-CCCF-4F49-6421-71D05ABB74D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02553"/>
            <a:ext cx="12192000" cy="5852894"/>
          </a:xfrm>
          <a:prstGeom prst="rect">
            <a:avLst/>
          </a:prstGeom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227CB6A4-C97D-830D-DAAD-1264C87CC16C}"/>
              </a:ext>
            </a:extLst>
          </p:cNvPr>
          <p:cNvSpPr txBox="1"/>
          <p:nvPr/>
        </p:nvSpPr>
        <p:spPr>
          <a:xfrm>
            <a:off x="4116434" y="502553"/>
            <a:ext cx="4281117" cy="1938992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e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-IB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 Pleas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membe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via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w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lin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ic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m on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u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website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I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IB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iploma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ogram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n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e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via optagelse.dk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a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Danish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ducational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ogram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(stx, hhx etc.)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D315851A-252F-38BE-E37F-DA3A2B2C51B3}"/>
              </a:ext>
            </a:extLst>
          </p:cNvPr>
          <p:cNvCxnSpPr>
            <a:cxnSpLocks/>
          </p:cNvCxnSpPr>
          <p:nvPr/>
        </p:nvCxnSpPr>
        <p:spPr>
          <a:xfrm flipH="1">
            <a:off x="2892490" y="1194318"/>
            <a:ext cx="1054359" cy="671804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3641489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0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28680" y="160644"/>
            <a:ext cx="9393600" cy="6697356"/>
          </a:xfrm>
          <a:prstGeom prst="rect">
            <a:avLst/>
          </a:prstGeom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A9B5D1D6-E8C4-A089-A607-B018B8D23FF0}"/>
              </a:ext>
            </a:extLst>
          </p:cNvPr>
          <p:cNvSpPr txBox="1"/>
          <p:nvPr/>
        </p:nvSpPr>
        <p:spPr>
          <a:xfrm>
            <a:off x="4804460" y="3778774"/>
            <a:ext cx="2242039" cy="1077218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submi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ic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he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have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finish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it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628360DC-9BE3-1579-14DB-B7168FA59CCD}"/>
              </a:ext>
            </a:extLst>
          </p:cNvPr>
          <p:cNvCxnSpPr/>
          <p:nvPr/>
        </p:nvCxnSpPr>
        <p:spPr>
          <a:xfrm flipH="1">
            <a:off x="3682243" y="4475165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5571826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C70BACC8-6C0D-93C1-5056-9411A032FE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56970-692A-403A-9682-C8E381E5CE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6A2D2641-E23C-572B-7737-BD6F7C726D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EA8E7DB-7C32-56A3-7064-441A8E6C7F4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9848"/>
            <a:ext cx="12192000" cy="6798304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71D309B8-C752-D995-263E-E0440B5EC525}"/>
              </a:ext>
            </a:extLst>
          </p:cNvPr>
          <p:cNvSpPr txBox="1"/>
          <p:nvPr/>
        </p:nvSpPr>
        <p:spPr>
          <a:xfrm>
            <a:off x="4256391" y="2841172"/>
            <a:ext cx="2242039" cy="1508105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log-in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o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not hav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itI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r NemID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 the green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ox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hav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itI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/NemID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1B496A2F-7556-CA41-792B-37D9AAE60F7A}"/>
              </a:ext>
            </a:extLst>
          </p:cNvPr>
          <p:cNvCxnSpPr/>
          <p:nvPr/>
        </p:nvCxnSpPr>
        <p:spPr>
          <a:xfrm flipH="1">
            <a:off x="3116425" y="4036625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755658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B21C71EA-9584-A2B1-71A8-CFEC946B84C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56970-692A-403A-9682-C8E381E5CE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8ACE100-E88F-355A-07BB-EB92CA57D1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0D550FFB-0D40-67DB-CB65-CFB017D477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725813"/>
            <a:ext cx="12192000" cy="5406373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F8618855-A52C-D491-DEF4-6E45AA636D26}"/>
              </a:ext>
            </a:extLst>
          </p:cNvPr>
          <p:cNvSpPr txBox="1"/>
          <p:nvPr/>
        </p:nvSpPr>
        <p:spPr>
          <a:xfrm>
            <a:off x="4349699" y="4398841"/>
            <a:ext cx="2242039" cy="861774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log-in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o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not hav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itI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r NemID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DA47DCEB-5888-CE06-5188-7D2C64FC5822}"/>
              </a:ext>
            </a:extLst>
          </p:cNvPr>
          <p:cNvCxnSpPr/>
          <p:nvPr/>
        </p:nvCxnSpPr>
        <p:spPr>
          <a:xfrm flipH="1">
            <a:off x="3377682" y="4829728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8" name="Tekstfelt 7">
            <a:extLst>
              <a:ext uri="{FF2B5EF4-FFF2-40B4-BE49-F238E27FC236}">
                <a16:creationId xmlns:a16="http://schemas.microsoft.com/office/drawing/2014/main" id="{55A95432-2E75-41A3-CD23-7E607CDDC552}"/>
              </a:ext>
            </a:extLst>
          </p:cNvPr>
          <p:cNvSpPr txBox="1"/>
          <p:nvPr/>
        </p:nvSpPr>
        <p:spPr>
          <a:xfrm>
            <a:off x="6396213" y="5679426"/>
            <a:ext cx="4585918" cy="861774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ge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ccess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arent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onsent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form </a:t>
            </a:r>
          </a:p>
          <a:p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hic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must upload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do not hav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MitI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/NemID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B0D984CC-81D0-9B97-9F0E-2590DBE27E1E}"/>
              </a:ext>
            </a:extLst>
          </p:cNvPr>
          <p:cNvCxnSpPr>
            <a:cxnSpLocks/>
          </p:cNvCxnSpPr>
          <p:nvPr/>
        </p:nvCxnSpPr>
        <p:spPr>
          <a:xfrm flipH="1" flipV="1">
            <a:off x="5365102" y="5896947"/>
            <a:ext cx="961292" cy="235239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5974017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D78D958C-0045-08A0-7231-A0715D1413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56970-692A-403A-9682-C8E381E5CED4}" type="datetime2">
              <a:rPr lang="da-DK" smtClean="0"/>
              <a:t>21. februar 2023</a:t>
            </a:fld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D98C2C5-EDDF-09B6-9D75-EDEB3153D9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FC7BE134-3262-7D33-13C1-29E7B3245C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07756"/>
            <a:ext cx="12192000" cy="5842488"/>
          </a:xfrm>
          <a:prstGeom prst="rect">
            <a:avLst/>
          </a:prstGeom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13A5DCB6-F76A-D9A1-1DC0-EA5272B83427}"/>
              </a:ext>
            </a:extLst>
          </p:cNvPr>
          <p:cNvSpPr txBox="1"/>
          <p:nvPr/>
        </p:nvSpPr>
        <p:spPr>
          <a:xfrm>
            <a:off x="6096000" y="2360521"/>
            <a:ext cx="2242039" cy="861774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Enter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hon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umbe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2A87A96E-017B-EB37-BE09-2DA13A122D6C}"/>
              </a:ext>
            </a:extLst>
          </p:cNvPr>
          <p:cNvSpPr txBox="1"/>
          <p:nvPr/>
        </p:nvSpPr>
        <p:spPr>
          <a:xfrm>
            <a:off x="6096000" y="3564427"/>
            <a:ext cx="2242039" cy="1077218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Enter th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od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ha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have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ceiv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via sms and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”Log på”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8" name="Lige pilforbindelse 7">
            <a:extLst>
              <a:ext uri="{FF2B5EF4-FFF2-40B4-BE49-F238E27FC236}">
                <a16:creationId xmlns:a16="http://schemas.microsoft.com/office/drawing/2014/main" id="{F6A16A22-37F4-0AFE-44D7-9A7E7F1F16E7}"/>
              </a:ext>
            </a:extLst>
          </p:cNvPr>
          <p:cNvCxnSpPr/>
          <p:nvPr/>
        </p:nvCxnSpPr>
        <p:spPr>
          <a:xfrm flipH="1">
            <a:off x="4907902" y="2543728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1EBCE1E7-9BF4-3A1E-372B-98C54D854FEA}"/>
              </a:ext>
            </a:extLst>
          </p:cNvPr>
          <p:cNvCxnSpPr/>
          <p:nvPr/>
        </p:nvCxnSpPr>
        <p:spPr>
          <a:xfrm flipH="1">
            <a:off x="4973216" y="3794030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2" name="Tekstfelt 11">
            <a:extLst>
              <a:ext uri="{FF2B5EF4-FFF2-40B4-BE49-F238E27FC236}">
                <a16:creationId xmlns:a16="http://schemas.microsoft.com/office/drawing/2014/main" id="{18B9F927-C410-51CD-7B60-DCD49A9FBA83}"/>
              </a:ext>
            </a:extLst>
          </p:cNvPr>
          <p:cNvSpPr txBox="1"/>
          <p:nvPr/>
        </p:nvSpPr>
        <p:spPr>
          <a:xfrm>
            <a:off x="8797421" y="2890391"/>
            <a:ext cx="3080687" cy="1508105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ic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ill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b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k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hon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umbe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 I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log out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a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ge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ccess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ic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gai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by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quest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a new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od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with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hone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umbe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876575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2F38EBB-DDC7-48BA-8239-A2992E3D7F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FF1D79-E139-4D39-9B42-E7E63E69F5D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2C98229-FD76-40FD-90FD-D805172058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39482" y="256707"/>
            <a:ext cx="8335237" cy="6194493"/>
          </a:xfrm>
          <a:prstGeom prst="rect">
            <a:avLst/>
          </a:prstGeom>
        </p:spPr>
      </p:pic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99CA3A4B-AC7F-1C98-0E13-CA20E8A4C123}"/>
              </a:ext>
            </a:extLst>
          </p:cNvPr>
          <p:cNvCxnSpPr/>
          <p:nvPr/>
        </p:nvCxnSpPr>
        <p:spPr>
          <a:xfrm flipH="1">
            <a:off x="5486400" y="2394438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9" name="Tekstfelt 8">
            <a:extLst>
              <a:ext uri="{FF2B5EF4-FFF2-40B4-BE49-F238E27FC236}">
                <a16:creationId xmlns:a16="http://schemas.microsoft.com/office/drawing/2014/main" id="{734D3894-F3DE-C091-ABE1-2124BC0B882F}"/>
              </a:ext>
            </a:extLst>
          </p:cNvPr>
          <p:cNvSpPr txBox="1"/>
          <p:nvPr/>
        </p:nvSpPr>
        <p:spPr>
          <a:xfrm>
            <a:off x="6626368" y="2071272"/>
            <a:ext cx="2242039" cy="646331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e-IB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r IB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717264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15977" y="159608"/>
            <a:ext cx="7596827" cy="6291592"/>
          </a:xfrm>
          <a:prstGeom prst="rect">
            <a:avLst/>
          </a:prstGeom>
        </p:spPr>
      </p:pic>
      <p:cxnSp>
        <p:nvCxnSpPr>
          <p:cNvPr id="2" name="Lige pilforbindelse 1">
            <a:extLst>
              <a:ext uri="{FF2B5EF4-FFF2-40B4-BE49-F238E27FC236}">
                <a16:creationId xmlns:a16="http://schemas.microsoft.com/office/drawing/2014/main" id="{EA587B87-9593-20BC-019A-B89B7AFCE3FE}"/>
              </a:ext>
            </a:extLst>
          </p:cNvPr>
          <p:cNvCxnSpPr/>
          <p:nvPr/>
        </p:nvCxnSpPr>
        <p:spPr>
          <a:xfrm flipH="1">
            <a:off x="5890846" y="5319346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3" name="Tekstfelt 2">
            <a:extLst>
              <a:ext uri="{FF2B5EF4-FFF2-40B4-BE49-F238E27FC236}">
                <a16:creationId xmlns:a16="http://schemas.microsoft.com/office/drawing/2014/main" id="{18A22478-C190-D45A-4753-19B80BA3A922}"/>
              </a:ext>
            </a:extLst>
          </p:cNvPr>
          <p:cNvSpPr txBox="1"/>
          <p:nvPr/>
        </p:nvSpPr>
        <p:spPr>
          <a:xfrm>
            <a:off x="6935251" y="4996180"/>
            <a:ext cx="2242039" cy="646331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e-IB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r IB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0107135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8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05116" y="320040"/>
            <a:ext cx="6876150" cy="5501965"/>
          </a:xfrm>
          <a:prstGeom prst="rect">
            <a:avLst/>
          </a:prstGeom>
        </p:spPr>
      </p:pic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2261B224-65A2-FAFD-66F5-129DE73ECC0E}"/>
              </a:ext>
            </a:extLst>
          </p:cNvPr>
          <p:cNvCxnSpPr/>
          <p:nvPr/>
        </p:nvCxnSpPr>
        <p:spPr>
          <a:xfrm flipH="1">
            <a:off x="5486400" y="1951892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cxnSp>
        <p:nvCxnSpPr>
          <p:cNvPr id="6" name="Lige pilforbindelse 5">
            <a:extLst>
              <a:ext uri="{FF2B5EF4-FFF2-40B4-BE49-F238E27FC236}">
                <a16:creationId xmlns:a16="http://schemas.microsoft.com/office/drawing/2014/main" id="{EC2A70B7-C74A-1552-63E8-92E40094D7EC}"/>
              </a:ext>
            </a:extLst>
          </p:cNvPr>
          <p:cNvCxnSpPr/>
          <p:nvPr/>
        </p:nvCxnSpPr>
        <p:spPr>
          <a:xfrm flipH="1">
            <a:off x="5486400" y="2605454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8" name="Tekstfelt 7">
            <a:extLst>
              <a:ext uri="{FF2B5EF4-FFF2-40B4-BE49-F238E27FC236}">
                <a16:creationId xmlns:a16="http://schemas.microsoft.com/office/drawing/2014/main" id="{A7D70787-E737-8D49-C196-DF248D8A992D}"/>
              </a:ext>
            </a:extLst>
          </p:cNvPr>
          <p:cNvSpPr txBox="1"/>
          <p:nvPr/>
        </p:nvSpPr>
        <p:spPr>
          <a:xfrm>
            <a:off x="6505071" y="1635958"/>
            <a:ext cx="4281117" cy="1938992"/>
          </a:xfrm>
          <a:prstGeom prst="rect">
            <a:avLst/>
          </a:prstGeom>
          <a:solidFill>
            <a:schemeClr val="bg1"/>
          </a:solidFill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ere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e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-IB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. Pleas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remembe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via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w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line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ication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form on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ur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website. 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If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the 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IB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iploma</a:t>
            </a:r>
            <a:r>
              <a:rPr lang="da-DK" sz="1400" b="1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b="1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ogram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,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n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eed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via optagelse.dk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f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r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lso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ing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a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Danish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ducational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ogramme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(stx, hhx etc.).</a:t>
            </a: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741854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81C6EB-FB6F-4020-8EAA-51141F500F56}" type="datetime2">
              <a:rPr lang="da-DK" noProof="0" smtClean="0"/>
              <a:t>21. februar 2023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65263" y="173928"/>
            <a:ext cx="8671228" cy="6684072"/>
          </a:xfrm>
          <a:prstGeom prst="rect">
            <a:avLst/>
          </a:prstGeom>
        </p:spPr>
      </p:pic>
      <p:cxnSp>
        <p:nvCxnSpPr>
          <p:cNvPr id="3" name="Lige pilforbindelse 2">
            <a:extLst>
              <a:ext uri="{FF2B5EF4-FFF2-40B4-BE49-F238E27FC236}">
                <a16:creationId xmlns:a16="http://schemas.microsoft.com/office/drawing/2014/main" id="{CC2245A3-2912-68AC-0B01-9AB832712F60}"/>
              </a:ext>
            </a:extLst>
          </p:cNvPr>
          <p:cNvCxnSpPr/>
          <p:nvPr/>
        </p:nvCxnSpPr>
        <p:spPr>
          <a:xfrm flipH="1">
            <a:off x="6013938" y="2620108"/>
            <a:ext cx="808892" cy="0"/>
          </a:xfrm>
          <a:prstGeom prst="straightConnector1">
            <a:avLst/>
          </a:prstGeom>
          <a:ln w="38100">
            <a:tailEnd type="triangle"/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6" name="Tekstfelt 5">
            <a:extLst>
              <a:ext uri="{FF2B5EF4-FFF2-40B4-BE49-F238E27FC236}">
                <a16:creationId xmlns:a16="http://schemas.microsoft.com/office/drawing/2014/main" id="{90B50D64-0772-3386-F55D-C6FE7B7E1A2D}"/>
              </a:ext>
            </a:extLst>
          </p:cNvPr>
          <p:cNvSpPr txBox="1"/>
          <p:nvPr/>
        </p:nvSpPr>
        <p:spPr>
          <a:xfrm>
            <a:off x="7232858" y="2189221"/>
            <a:ext cx="2242039" cy="1077218"/>
          </a:xfrm>
          <a:prstGeom prst="rect">
            <a:avLst/>
          </a:prstGeom>
          <a:noFill/>
          <a:ln w="15875">
            <a:solidFill>
              <a:srgbClr val="C00000"/>
            </a:solidFill>
          </a:ln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lick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on the school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hic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wish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apply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to as </a:t>
            </a:r>
          </a:p>
          <a:p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 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your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first</a:t>
            </a:r>
            <a:r>
              <a:rPr lang="da-DK" sz="1400" dirty="0">
                <a:latin typeface="Calibri Light" panose="020F0302020204030204" pitchFamily="34" charset="0"/>
                <a:cs typeface="Calibri Light" panose="020F0302020204030204" pitchFamily="34" charset="0"/>
              </a:rPr>
              <a:t> </a:t>
            </a:r>
            <a:r>
              <a:rPr lang="da-DK" sz="1400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priority</a:t>
            </a:r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endParaRPr lang="da-DK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4242397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70224417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70224417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46</Words>
  <Application>Microsoft Office PowerPoint</Application>
  <PresentationFormat>Widescreen</PresentationFormat>
  <Paragraphs>145</Paragraphs>
  <Slides>20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0</vt:i4>
      </vt:variant>
    </vt:vector>
  </HeadingPairs>
  <TitlesOfParts>
    <vt:vector size="25" baseType="lpstr">
      <vt:lpstr>Arial</vt:lpstr>
      <vt:lpstr>Calibri Light</vt:lpstr>
      <vt:lpstr>Georgia</vt:lpstr>
      <vt:lpstr>Verdana</vt:lpstr>
      <vt:lpstr>UVM</vt:lpstr>
      <vt:lpstr>Guide to Optagelse.dk  - https://www.optagelse.dk/ 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3-02-21T15:25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82031167</vt:lpwstr>
  </property>
  <property fmtid="{D5CDD505-2E9C-101B-9397-08002B2CF9AE}" pid="6" name="UserProfileId">
    <vt:lpwstr>637080163188134399</vt:lpwstr>
  </property>
</Properties>
</file>